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674"/>
  </bookViews>
  <sheets>
    <sheet name="26-4" sheetId="7" r:id="rId1"/>
  </sheets>
  <definedNames>
    <definedName name="_xlnm.Print_Area" localSheetId="0">'26-4'!$A$1:$P$23</definedName>
  </definedNames>
  <calcPr calcId="152511"/>
</workbook>
</file>

<file path=xl/sharedStrings.xml><?xml version="1.0" encoding="utf-8"?>
<sst xmlns="http://schemas.openxmlformats.org/spreadsheetml/2006/main" count="81" uniqueCount="23">
  <si>
    <t>総数</t>
    <rPh sb="0" eb="2">
      <t>ソウスウ</t>
    </rPh>
    <phoneticPr fontId="2"/>
  </si>
  <si>
    <t>（単位：件）</t>
    <rPh sb="1" eb="3">
      <t>タンイ</t>
    </rPh>
    <rPh sb="4" eb="5">
      <t>ケン</t>
    </rPh>
    <phoneticPr fontId="2"/>
  </si>
  <si>
    <t>舗装</t>
    <rPh sb="0" eb="2">
      <t>ホソウ</t>
    </rPh>
    <phoneticPr fontId="2"/>
  </si>
  <si>
    <t>改良</t>
    <rPh sb="0" eb="2">
      <t>カイリョウ</t>
    </rPh>
    <phoneticPr fontId="2"/>
  </si>
  <si>
    <t>補修維持</t>
    <rPh sb="0" eb="2">
      <t>ホシュウ</t>
    </rPh>
    <rPh sb="2" eb="4">
      <t>イジ</t>
    </rPh>
    <phoneticPr fontId="2"/>
  </si>
  <si>
    <t>交通安全</t>
    <rPh sb="0" eb="2">
      <t>コウツウ</t>
    </rPh>
    <rPh sb="2" eb="4">
      <t>アンゼン</t>
    </rPh>
    <phoneticPr fontId="2"/>
  </si>
  <si>
    <t>市単</t>
    <rPh sb="0" eb="1">
      <t>シ</t>
    </rPh>
    <rPh sb="1" eb="2">
      <t>タン</t>
    </rPh>
    <phoneticPr fontId="2"/>
  </si>
  <si>
    <t>補助</t>
    <rPh sb="0" eb="2">
      <t>ホジョ</t>
    </rPh>
    <phoneticPr fontId="2"/>
  </si>
  <si>
    <t>その他</t>
    <rPh sb="2" eb="3">
      <t>タ</t>
    </rPh>
    <phoneticPr fontId="2"/>
  </si>
  <si>
    <t>道路</t>
    <rPh sb="0" eb="2">
      <t>ドウロ</t>
    </rPh>
    <phoneticPr fontId="2"/>
  </si>
  <si>
    <t>災害</t>
    <rPh sb="0" eb="2">
      <t>サイガイ</t>
    </rPh>
    <phoneticPr fontId="2"/>
  </si>
  <si>
    <t>新設</t>
    <rPh sb="0" eb="2">
      <t>シンセツ</t>
    </rPh>
    <phoneticPr fontId="2"/>
  </si>
  <si>
    <t>平成13年度</t>
    <rPh sb="4" eb="6">
      <t>ネンド</t>
    </rPh>
    <phoneticPr fontId="2"/>
  </si>
  <si>
    <t>年度</t>
    <rPh sb="1" eb="2">
      <t>ド</t>
    </rPh>
    <phoneticPr fontId="2"/>
  </si>
  <si>
    <t>26-4　土木工事件数の推移</t>
    <rPh sb="5" eb="7">
      <t>ドボク</t>
    </rPh>
    <rPh sb="7" eb="9">
      <t>コウジ</t>
    </rPh>
    <rPh sb="9" eb="11">
      <t>ケンスウ</t>
    </rPh>
    <rPh sb="12" eb="14">
      <t>スイイ</t>
    </rPh>
    <phoneticPr fontId="2"/>
  </si>
  <si>
    <t>-</t>
  </si>
  <si>
    <t>-</t>
    <phoneticPr fontId="2"/>
  </si>
  <si>
    <t>資料：土木課・道路建設課</t>
    <rPh sb="0" eb="2">
      <t>シリョウ</t>
    </rPh>
    <rPh sb="3" eb="5">
      <t>ドボク</t>
    </rPh>
    <rPh sb="5" eb="6">
      <t>カ</t>
    </rPh>
    <rPh sb="7" eb="9">
      <t>ドウロ</t>
    </rPh>
    <rPh sb="9" eb="11">
      <t>ケンセツ</t>
    </rPh>
    <rPh sb="11" eb="12">
      <t>カ</t>
    </rPh>
    <phoneticPr fontId="2"/>
  </si>
  <si>
    <t>令和元年度</t>
    <rPh sb="0" eb="2">
      <t>レイワ</t>
    </rPh>
    <rPh sb="2" eb="3">
      <t>ガン</t>
    </rPh>
    <rPh sb="3" eb="4">
      <t>ネン</t>
    </rPh>
    <rPh sb="4" eb="5">
      <t>ド</t>
    </rPh>
    <phoneticPr fontId="1"/>
  </si>
  <si>
    <t>橋梁</t>
    <rPh sb="0" eb="1">
      <t>ハシ</t>
    </rPh>
    <phoneticPr fontId="2"/>
  </si>
  <si>
    <t>-</t>
    <phoneticPr fontId="2"/>
  </si>
  <si>
    <t>-</t>
    <phoneticPr fontId="2"/>
  </si>
  <si>
    <t>-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7">
    <xf numFmtId="0" fontId="0" fillId="0" borderId="0" xfId="0"/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38" fontId="4" fillId="0" borderId="4" xfId="1" applyFont="1" applyBorder="1" applyAlignment="1">
      <alignment horizontal="right" vertical="center"/>
    </xf>
    <xf numFmtId="38" fontId="4" fillId="0" borderId="5" xfId="1" applyFont="1" applyBorder="1" applyAlignment="1">
      <alignment horizontal="right" vertical="center"/>
    </xf>
    <xf numFmtId="38" fontId="4" fillId="0" borderId="6" xfId="1" applyFont="1" applyBorder="1" applyAlignment="1">
      <alignment horizontal="right" vertical="center"/>
    </xf>
    <xf numFmtId="38" fontId="4" fillId="0" borderId="0" xfId="1" applyFont="1" applyBorder="1" applyAlignment="1">
      <alignment horizontal="right" vertical="center"/>
    </xf>
    <xf numFmtId="38" fontId="4" fillId="0" borderId="0" xfId="1" applyFont="1" applyFill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38" fontId="5" fillId="0" borderId="0" xfId="1" applyFont="1" applyFill="1" applyBorder="1" applyAlignment="1">
      <alignment horizontal="right" vertical="center"/>
    </xf>
    <xf numFmtId="38" fontId="5" fillId="0" borderId="6" xfId="1" applyFont="1" applyBorder="1" applyAlignment="1">
      <alignment horizontal="right" vertical="center"/>
    </xf>
    <xf numFmtId="0" fontId="4" fillId="0" borderId="0" xfId="0" applyFont="1" applyFill="1" applyAlignment="1">
      <alignment vertical="center"/>
    </xf>
    <xf numFmtId="38" fontId="4" fillId="0" borderId="6" xfId="1" applyFont="1" applyFill="1" applyBorder="1" applyAlignment="1">
      <alignment horizontal="right" vertical="center"/>
    </xf>
    <xf numFmtId="38" fontId="4" fillId="0" borderId="7" xfId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0" fillId="0" borderId="8" xfId="0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21"/>
  <sheetViews>
    <sheetView tabSelected="1" view="pageBreakPreview" zoomScaleNormal="100" zoomScaleSheetLayoutView="100" workbookViewId="0"/>
  </sheetViews>
  <sheetFormatPr defaultRowHeight="14.25"/>
  <cols>
    <col min="1" max="1" width="9" style="3"/>
    <col min="2" max="2" width="6.375" style="3" customWidth="1"/>
    <col min="3" max="11" width="10.125" style="3" customWidth="1"/>
    <col min="12" max="12" width="12.125" style="3" customWidth="1"/>
    <col min="13" max="15" width="10.125" style="3" customWidth="1"/>
    <col min="16" max="16" width="12.125" style="3" customWidth="1"/>
    <col min="17" max="16384" width="9" style="3"/>
  </cols>
  <sheetData>
    <row r="1" spans="1:16" ht="20.100000000000001" customHeight="1" thickBot="1">
      <c r="A1" s="1" t="s">
        <v>14</v>
      </c>
      <c r="B1" s="2"/>
      <c r="P1" s="4" t="s">
        <v>1</v>
      </c>
    </row>
    <row r="2" spans="1:16" ht="20.100000000000001" customHeight="1">
      <c r="A2" s="33" t="s">
        <v>13</v>
      </c>
      <c r="B2" s="34"/>
      <c r="C2" s="30" t="s">
        <v>0</v>
      </c>
      <c r="D2" s="30" t="s">
        <v>9</v>
      </c>
      <c r="E2" s="30"/>
      <c r="F2" s="30"/>
      <c r="G2" s="30"/>
      <c r="H2" s="22" t="s">
        <v>19</v>
      </c>
      <c r="I2" s="23"/>
      <c r="J2" s="23"/>
      <c r="K2" s="24"/>
      <c r="L2" s="30" t="s">
        <v>5</v>
      </c>
      <c r="M2" s="30" t="s">
        <v>10</v>
      </c>
      <c r="N2" s="30"/>
      <c r="O2" s="30"/>
      <c r="P2" s="22" t="s">
        <v>8</v>
      </c>
    </row>
    <row r="3" spans="1:16" ht="20.100000000000001" customHeight="1">
      <c r="A3" s="35"/>
      <c r="B3" s="36"/>
      <c r="C3" s="32"/>
      <c r="D3" s="5" t="s">
        <v>0</v>
      </c>
      <c r="E3" s="5" t="s">
        <v>2</v>
      </c>
      <c r="F3" s="5" t="s">
        <v>3</v>
      </c>
      <c r="G3" s="5" t="s">
        <v>4</v>
      </c>
      <c r="H3" s="5" t="s">
        <v>0</v>
      </c>
      <c r="I3" s="19" t="s">
        <v>11</v>
      </c>
      <c r="J3" s="6" t="s">
        <v>3</v>
      </c>
      <c r="K3" s="5" t="s">
        <v>4</v>
      </c>
      <c r="L3" s="32"/>
      <c r="M3" s="5" t="s">
        <v>0</v>
      </c>
      <c r="N3" s="5" t="s">
        <v>6</v>
      </c>
      <c r="O3" s="5" t="s">
        <v>7</v>
      </c>
      <c r="P3" s="31"/>
    </row>
    <row r="4" spans="1:16" ht="20.100000000000001" customHeight="1">
      <c r="A4" s="26" t="s">
        <v>12</v>
      </c>
      <c r="B4" s="27"/>
      <c r="C4" s="7">
        <v>572</v>
      </c>
      <c r="D4" s="8">
        <v>439</v>
      </c>
      <c r="E4" s="8">
        <v>65</v>
      </c>
      <c r="F4" s="8">
        <v>274</v>
      </c>
      <c r="G4" s="8">
        <v>100</v>
      </c>
      <c r="H4" s="8">
        <v>6</v>
      </c>
      <c r="I4" s="8" t="s">
        <v>16</v>
      </c>
      <c r="J4" s="8" t="s">
        <v>16</v>
      </c>
      <c r="K4" s="8">
        <v>6</v>
      </c>
      <c r="L4" s="8">
        <v>11</v>
      </c>
      <c r="M4" s="8">
        <v>90</v>
      </c>
      <c r="N4" s="8">
        <v>76</v>
      </c>
      <c r="O4" s="8">
        <v>14</v>
      </c>
      <c r="P4" s="8">
        <v>26</v>
      </c>
    </row>
    <row r="5" spans="1:16" ht="20.100000000000001" customHeight="1">
      <c r="A5" s="26">
        <v>14</v>
      </c>
      <c r="B5" s="27"/>
      <c r="C5" s="9">
        <v>567</v>
      </c>
      <c r="D5" s="10">
        <v>506</v>
      </c>
      <c r="E5" s="10">
        <v>68</v>
      </c>
      <c r="F5" s="10">
        <v>298</v>
      </c>
      <c r="G5" s="10">
        <v>140</v>
      </c>
      <c r="H5" s="10">
        <v>5</v>
      </c>
      <c r="I5" s="10" t="s">
        <v>16</v>
      </c>
      <c r="J5" s="10" t="s">
        <v>16</v>
      </c>
      <c r="K5" s="10">
        <v>5</v>
      </c>
      <c r="L5" s="10">
        <v>23</v>
      </c>
      <c r="M5" s="10">
        <v>15</v>
      </c>
      <c r="N5" s="10">
        <v>9</v>
      </c>
      <c r="O5" s="10">
        <v>6</v>
      </c>
      <c r="P5" s="10">
        <v>18</v>
      </c>
    </row>
    <row r="6" spans="1:16" ht="20.100000000000001" customHeight="1">
      <c r="A6" s="26">
        <v>15</v>
      </c>
      <c r="B6" s="27"/>
      <c r="C6" s="9">
        <v>568</v>
      </c>
      <c r="D6" s="10">
        <v>510</v>
      </c>
      <c r="E6" s="10">
        <v>63</v>
      </c>
      <c r="F6" s="10">
        <v>254</v>
      </c>
      <c r="G6" s="10">
        <v>193</v>
      </c>
      <c r="H6" s="10">
        <v>8</v>
      </c>
      <c r="I6" s="10" t="s">
        <v>16</v>
      </c>
      <c r="J6" s="10" t="s">
        <v>16</v>
      </c>
      <c r="K6" s="10">
        <v>8</v>
      </c>
      <c r="L6" s="10">
        <v>30</v>
      </c>
      <c r="M6" s="10">
        <v>8</v>
      </c>
      <c r="N6" s="10">
        <v>8</v>
      </c>
      <c r="O6" s="10" t="s">
        <v>16</v>
      </c>
      <c r="P6" s="10">
        <v>12</v>
      </c>
    </row>
    <row r="7" spans="1:16" ht="20.100000000000001" customHeight="1">
      <c r="A7" s="26">
        <v>16</v>
      </c>
      <c r="B7" s="27"/>
      <c r="C7" s="9">
        <v>556</v>
      </c>
      <c r="D7" s="10">
        <v>467</v>
      </c>
      <c r="E7" s="10">
        <v>41</v>
      </c>
      <c r="F7" s="10">
        <v>187</v>
      </c>
      <c r="G7" s="10">
        <v>239</v>
      </c>
      <c r="H7" s="10">
        <v>13</v>
      </c>
      <c r="I7" s="10" t="s">
        <v>16</v>
      </c>
      <c r="J7" s="10" t="s">
        <v>16</v>
      </c>
      <c r="K7" s="10">
        <v>13</v>
      </c>
      <c r="L7" s="10">
        <v>39</v>
      </c>
      <c r="M7" s="10">
        <v>19</v>
      </c>
      <c r="N7" s="10">
        <v>19</v>
      </c>
      <c r="O7" s="10" t="s">
        <v>16</v>
      </c>
      <c r="P7" s="10">
        <v>18</v>
      </c>
    </row>
    <row r="8" spans="1:16" ht="20.100000000000001" customHeight="1">
      <c r="A8" s="26">
        <v>17</v>
      </c>
      <c r="B8" s="27"/>
      <c r="C8" s="9">
        <v>589</v>
      </c>
      <c r="D8" s="10">
        <v>521</v>
      </c>
      <c r="E8" s="10">
        <v>57</v>
      </c>
      <c r="F8" s="10">
        <v>141</v>
      </c>
      <c r="G8" s="10">
        <v>323</v>
      </c>
      <c r="H8" s="10">
        <v>11</v>
      </c>
      <c r="I8" s="10" t="s">
        <v>15</v>
      </c>
      <c r="J8" s="10" t="s">
        <v>15</v>
      </c>
      <c r="K8" s="10">
        <v>11</v>
      </c>
      <c r="L8" s="10">
        <v>38</v>
      </c>
      <c r="M8" s="10" t="s">
        <v>16</v>
      </c>
      <c r="N8" s="10" t="s">
        <v>16</v>
      </c>
      <c r="O8" s="10" t="s">
        <v>16</v>
      </c>
      <c r="P8" s="10">
        <v>19</v>
      </c>
    </row>
    <row r="9" spans="1:16" ht="20.100000000000001" customHeight="1">
      <c r="A9" s="26">
        <v>18</v>
      </c>
      <c r="B9" s="27"/>
      <c r="C9" s="9">
        <v>546</v>
      </c>
      <c r="D9" s="10">
        <v>468</v>
      </c>
      <c r="E9" s="11">
        <v>72</v>
      </c>
      <c r="F9" s="11">
        <v>234</v>
      </c>
      <c r="G9" s="11">
        <v>162</v>
      </c>
      <c r="H9" s="10">
        <v>4</v>
      </c>
      <c r="I9" s="11" t="s">
        <v>15</v>
      </c>
      <c r="J9" s="11" t="s">
        <v>15</v>
      </c>
      <c r="K9" s="11">
        <v>4</v>
      </c>
      <c r="L9" s="10">
        <v>10</v>
      </c>
      <c r="M9" s="11">
        <v>57</v>
      </c>
      <c r="N9" s="11">
        <v>55</v>
      </c>
      <c r="O9" s="11">
        <v>2</v>
      </c>
      <c r="P9" s="11">
        <v>7</v>
      </c>
    </row>
    <row r="10" spans="1:16" ht="20.100000000000001" customHeight="1">
      <c r="A10" s="26">
        <v>19</v>
      </c>
      <c r="B10" s="27"/>
      <c r="C10" s="9">
        <v>408</v>
      </c>
      <c r="D10" s="10">
        <v>319</v>
      </c>
      <c r="E10" s="11">
        <v>65</v>
      </c>
      <c r="F10" s="11">
        <v>116</v>
      </c>
      <c r="G10" s="11">
        <v>138</v>
      </c>
      <c r="H10" s="10">
        <v>2</v>
      </c>
      <c r="I10" s="11" t="s">
        <v>15</v>
      </c>
      <c r="J10" s="11" t="s">
        <v>15</v>
      </c>
      <c r="K10" s="11">
        <v>2</v>
      </c>
      <c r="L10" s="10">
        <v>10</v>
      </c>
      <c r="M10" s="11">
        <v>71</v>
      </c>
      <c r="N10" s="11">
        <v>47</v>
      </c>
      <c r="O10" s="11">
        <v>24</v>
      </c>
      <c r="P10" s="11">
        <v>6</v>
      </c>
    </row>
    <row r="11" spans="1:16" ht="20.100000000000001" customHeight="1">
      <c r="A11" s="20">
        <v>20</v>
      </c>
      <c r="B11" s="20"/>
      <c r="C11" s="9">
        <v>348</v>
      </c>
      <c r="D11" s="10">
        <v>312</v>
      </c>
      <c r="E11" s="11">
        <v>56</v>
      </c>
      <c r="F11" s="11">
        <v>163</v>
      </c>
      <c r="G11" s="11">
        <v>93</v>
      </c>
      <c r="H11" s="10">
        <v>7</v>
      </c>
      <c r="I11" s="11">
        <v>5</v>
      </c>
      <c r="J11" s="11" t="s">
        <v>16</v>
      </c>
      <c r="K11" s="11">
        <v>2</v>
      </c>
      <c r="L11" s="10">
        <v>24</v>
      </c>
      <c r="M11" s="11" t="s">
        <v>16</v>
      </c>
      <c r="N11" s="11" t="s">
        <v>16</v>
      </c>
      <c r="O11" s="11" t="s">
        <v>16</v>
      </c>
      <c r="P11" s="11">
        <v>5</v>
      </c>
    </row>
    <row r="12" spans="1:16" ht="20.100000000000001" customHeight="1">
      <c r="A12" s="20">
        <v>21</v>
      </c>
      <c r="B12" s="20"/>
      <c r="C12" s="9">
        <v>252</v>
      </c>
      <c r="D12" s="10">
        <v>221</v>
      </c>
      <c r="E12" s="11">
        <v>46</v>
      </c>
      <c r="F12" s="11">
        <v>121</v>
      </c>
      <c r="G12" s="11">
        <v>54</v>
      </c>
      <c r="H12" s="10">
        <v>9</v>
      </c>
      <c r="I12" s="11">
        <v>5</v>
      </c>
      <c r="J12" s="11" t="s">
        <v>16</v>
      </c>
      <c r="K12" s="11">
        <v>4</v>
      </c>
      <c r="L12" s="10">
        <v>19</v>
      </c>
      <c r="M12" s="11" t="s">
        <v>16</v>
      </c>
      <c r="N12" s="11" t="s">
        <v>16</v>
      </c>
      <c r="O12" s="11" t="s">
        <v>16</v>
      </c>
      <c r="P12" s="11">
        <v>3</v>
      </c>
    </row>
    <row r="13" spans="1:16" ht="20.100000000000001" customHeight="1">
      <c r="A13" s="20">
        <v>22</v>
      </c>
      <c r="B13" s="21"/>
      <c r="C13" s="9">
        <v>327</v>
      </c>
      <c r="D13" s="10">
        <v>214</v>
      </c>
      <c r="E13" s="11">
        <v>54</v>
      </c>
      <c r="F13" s="11">
        <v>69</v>
      </c>
      <c r="G13" s="11">
        <v>91</v>
      </c>
      <c r="H13" s="10">
        <v>9</v>
      </c>
      <c r="I13" s="11">
        <v>4</v>
      </c>
      <c r="J13" s="11" t="s">
        <v>16</v>
      </c>
      <c r="K13" s="11">
        <v>5</v>
      </c>
      <c r="L13" s="10">
        <v>19</v>
      </c>
      <c r="M13" s="11">
        <v>78</v>
      </c>
      <c r="N13" s="11">
        <v>78</v>
      </c>
      <c r="O13" s="11" t="s">
        <v>16</v>
      </c>
      <c r="P13" s="11">
        <v>7</v>
      </c>
    </row>
    <row r="14" spans="1:16" ht="20.100000000000001" customHeight="1">
      <c r="A14" s="20">
        <v>23</v>
      </c>
      <c r="B14" s="21"/>
      <c r="C14" s="9">
        <v>211</v>
      </c>
      <c r="D14" s="10">
        <v>175</v>
      </c>
      <c r="E14" s="11">
        <v>34</v>
      </c>
      <c r="F14" s="11">
        <v>42</v>
      </c>
      <c r="G14" s="11">
        <v>99</v>
      </c>
      <c r="H14" s="10">
        <v>5</v>
      </c>
      <c r="I14" s="11" t="s">
        <v>16</v>
      </c>
      <c r="J14" s="11" t="s">
        <v>16</v>
      </c>
      <c r="K14" s="11">
        <v>5</v>
      </c>
      <c r="L14" s="10">
        <v>22</v>
      </c>
      <c r="M14" s="11" t="s">
        <v>21</v>
      </c>
      <c r="N14" s="11" t="s">
        <v>16</v>
      </c>
      <c r="O14" s="11" t="s">
        <v>16</v>
      </c>
      <c r="P14" s="11">
        <v>9</v>
      </c>
    </row>
    <row r="15" spans="1:16" ht="20.100000000000001" customHeight="1">
      <c r="A15" s="20">
        <v>24</v>
      </c>
      <c r="B15" s="21"/>
      <c r="C15" s="9">
        <v>259</v>
      </c>
      <c r="D15" s="10">
        <v>202</v>
      </c>
      <c r="E15" s="11">
        <v>46</v>
      </c>
      <c r="F15" s="11">
        <v>61</v>
      </c>
      <c r="G15" s="11">
        <v>95</v>
      </c>
      <c r="H15" s="10">
        <v>10</v>
      </c>
      <c r="I15" s="11" t="s">
        <v>15</v>
      </c>
      <c r="J15" s="11">
        <v>1</v>
      </c>
      <c r="K15" s="11">
        <v>9</v>
      </c>
      <c r="L15" s="10">
        <v>22</v>
      </c>
      <c r="M15" s="11">
        <v>14</v>
      </c>
      <c r="N15" s="11" t="s">
        <v>15</v>
      </c>
      <c r="O15" s="11">
        <v>14</v>
      </c>
      <c r="P15" s="11">
        <v>11</v>
      </c>
    </row>
    <row r="16" spans="1:16" ht="20.100000000000001" customHeight="1">
      <c r="A16" s="20">
        <v>25</v>
      </c>
      <c r="B16" s="21"/>
      <c r="C16" s="14">
        <v>546</v>
      </c>
      <c r="D16" s="12">
        <v>320</v>
      </c>
      <c r="E16" s="13">
        <v>89</v>
      </c>
      <c r="F16" s="13">
        <v>70</v>
      </c>
      <c r="G16" s="13">
        <v>161</v>
      </c>
      <c r="H16" s="12">
        <v>10</v>
      </c>
      <c r="I16" s="13" t="s">
        <v>16</v>
      </c>
      <c r="J16" s="13">
        <v>1</v>
      </c>
      <c r="K16" s="13">
        <v>9</v>
      </c>
      <c r="L16" s="12">
        <v>48</v>
      </c>
      <c r="M16" s="13">
        <v>160</v>
      </c>
      <c r="N16" s="13">
        <v>145</v>
      </c>
      <c r="O16" s="13">
        <v>15</v>
      </c>
      <c r="P16" s="13">
        <v>8</v>
      </c>
    </row>
    <row r="17" spans="1:17" ht="20.100000000000001" customHeight="1">
      <c r="A17" s="20">
        <v>26</v>
      </c>
      <c r="B17" s="21"/>
      <c r="C17" s="14">
        <v>520</v>
      </c>
      <c r="D17" s="12">
        <v>419</v>
      </c>
      <c r="E17" s="13">
        <v>80</v>
      </c>
      <c r="F17" s="13">
        <v>118</v>
      </c>
      <c r="G17" s="13">
        <v>221</v>
      </c>
      <c r="H17" s="12">
        <v>9</v>
      </c>
      <c r="I17" s="13" t="s">
        <v>16</v>
      </c>
      <c r="J17" s="13" t="s">
        <v>16</v>
      </c>
      <c r="K17" s="13">
        <v>9</v>
      </c>
      <c r="L17" s="12">
        <v>79</v>
      </c>
      <c r="M17" s="13" t="s">
        <v>16</v>
      </c>
      <c r="N17" s="13" t="s">
        <v>16</v>
      </c>
      <c r="O17" s="13" t="s">
        <v>16</v>
      </c>
      <c r="P17" s="13">
        <v>13</v>
      </c>
    </row>
    <row r="18" spans="1:17" s="15" customFormat="1" ht="20.100000000000001" customHeight="1">
      <c r="A18" s="20">
        <v>27</v>
      </c>
      <c r="B18" s="21"/>
      <c r="C18" s="16">
        <v>472</v>
      </c>
      <c r="D18" s="11">
        <v>409</v>
      </c>
      <c r="E18" s="11">
        <v>96</v>
      </c>
      <c r="F18" s="11">
        <v>104</v>
      </c>
      <c r="G18" s="11">
        <v>209</v>
      </c>
      <c r="H18" s="11">
        <v>10</v>
      </c>
      <c r="I18" s="13" t="s">
        <v>16</v>
      </c>
      <c r="J18" s="13" t="s">
        <v>16</v>
      </c>
      <c r="K18" s="11">
        <v>10</v>
      </c>
      <c r="L18" s="11">
        <v>45</v>
      </c>
      <c r="M18" s="11">
        <v>6</v>
      </c>
      <c r="N18" s="11">
        <v>6</v>
      </c>
      <c r="O18" s="13" t="s">
        <v>16</v>
      </c>
      <c r="P18" s="11">
        <v>2</v>
      </c>
    </row>
    <row r="19" spans="1:17" s="15" customFormat="1" ht="20.100000000000001" customHeight="1">
      <c r="A19" s="20">
        <v>28</v>
      </c>
      <c r="B19" s="25"/>
      <c r="C19" s="11">
        <v>486</v>
      </c>
      <c r="D19" s="11">
        <v>401</v>
      </c>
      <c r="E19" s="11">
        <v>103</v>
      </c>
      <c r="F19" s="11">
        <v>95</v>
      </c>
      <c r="G19" s="11">
        <v>203</v>
      </c>
      <c r="H19" s="11">
        <v>13</v>
      </c>
      <c r="I19" s="13" t="s">
        <v>16</v>
      </c>
      <c r="J19" s="13" t="s">
        <v>16</v>
      </c>
      <c r="K19" s="11">
        <v>13</v>
      </c>
      <c r="L19" s="11">
        <v>67</v>
      </c>
      <c r="M19" s="11" t="s">
        <v>21</v>
      </c>
      <c r="N19" s="11" t="s">
        <v>21</v>
      </c>
      <c r="O19" s="13" t="s">
        <v>16</v>
      </c>
      <c r="P19" s="11">
        <v>5</v>
      </c>
      <c r="Q19" s="18"/>
    </row>
    <row r="20" spans="1:17" s="15" customFormat="1" ht="20.100000000000001" customHeight="1">
      <c r="A20" s="20">
        <v>29</v>
      </c>
      <c r="B20" s="25"/>
      <c r="C20" s="11">
        <v>639</v>
      </c>
      <c r="D20" s="11">
        <v>507</v>
      </c>
      <c r="E20" s="11">
        <v>125</v>
      </c>
      <c r="F20" s="11">
        <v>92</v>
      </c>
      <c r="G20" s="11">
        <v>290</v>
      </c>
      <c r="H20" s="11">
        <v>11</v>
      </c>
      <c r="I20" s="13" t="s">
        <v>16</v>
      </c>
      <c r="J20" s="11">
        <v>1</v>
      </c>
      <c r="K20" s="11">
        <v>10</v>
      </c>
      <c r="L20" s="11">
        <v>69</v>
      </c>
      <c r="M20" s="11">
        <v>45</v>
      </c>
      <c r="N20" s="11">
        <v>45</v>
      </c>
      <c r="O20" s="13" t="s">
        <v>16</v>
      </c>
      <c r="P20" s="11">
        <v>7</v>
      </c>
    </row>
    <row r="21" spans="1:17" s="15" customFormat="1" ht="20.100000000000001" customHeight="1">
      <c r="A21" s="20">
        <v>30</v>
      </c>
      <c r="B21" s="25"/>
      <c r="C21" s="11">
        <v>468</v>
      </c>
      <c r="D21" s="11">
        <v>397</v>
      </c>
      <c r="E21" s="11">
        <v>108</v>
      </c>
      <c r="F21" s="11">
        <v>65</v>
      </c>
      <c r="G21" s="11">
        <v>224</v>
      </c>
      <c r="H21" s="11">
        <v>16</v>
      </c>
      <c r="I21" s="13" t="s">
        <v>16</v>
      </c>
      <c r="J21" s="11" t="s">
        <v>21</v>
      </c>
      <c r="K21" s="11">
        <v>16</v>
      </c>
      <c r="L21" s="11">
        <v>47</v>
      </c>
      <c r="M21" s="11">
        <v>4</v>
      </c>
      <c r="N21" s="11">
        <v>4</v>
      </c>
      <c r="O21" s="13" t="s">
        <v>16</v>
      </c>
      <c r="P21" s="11">
        <v>4</v>
      </c>
    </row>
    <row r="22" spans="1:17" s="15" customFormat="1" ht="20.100000000000001" customHeight="1" thickBot="1">
      <c r="A22" s="28" t="s">
        <v>18</v>
      </c>
      <c r="B22" s="29"/>
      <c r="C22" s="17">
        <v>846</v>
      </c>
      <c r="D22" s="17">
        <v>290</v>
      </c>
      <c r="E22" s="17">
        <v>79</v>
      </c>
      <c r="F22" s="17">
        <v>45</v>
      </c>
      <c r="G22" s="17">
        <v>166</v>
      </c>
      <c r="H22" s="17">
        <v>3</v>
      </c>
      <c r="I22" s="17" t="s">
        <v>20</v>
      </c>
      <c r="J22" s="17" t="s">
        <v>21</v>
      </c>
      <c r="K22" s="17">
        <v>3</v>
      </c>
      <c r="L22" s="17">
        <v>46</v>
      </c>
      <c r="M22" s="17">
        <v>507</v>
      </c>
      <c r="N22" s="17">
        <v>503</v>
      </c>
      <c r="O22" s="17">
        <v>4</v>
      </c>
      <c r="P22" s="17" t="s">
        <v>22</v>
      </c>
    </row>
    <row r="23" spans="1:17" ht="34.5" customHeight="1">
      <c r="A23" s="3" t="s">
        <v>17</v>
      </c>
    </row>
    <row r="24" spans="1:17" ht="20.100000000000001" customHeight="1"/>
    <row r="25" spans="1:17" ht="20.100000000000001" customHeight="1"/>
    <row r="26" spans="1:17" ht="20.100000000000001" customHeight="1"/>
    <row r="27" spans="1:17" ht="20.100000000000001" customHeight="1"/>
    <row r="28" spans="1:17" ht="20.100000000000001" customHeight="1"/>
    <row r="29" spans="1:17" ht="20.100000000000001" customHeight="1"/>
    <row r="30" spans="1:17" ht="20.100000000000001" customHeight="1"/>
    <row r="31" spans="1:17" ht="20.100000000000001" customHeight="1"/>
    <row r="32" spans="1:17" ht="20.100000000000001" customHeight="1"/>
    <row r="33" ht="20.100000000000001" customHeight="1"/>
    <row r="34" ht="20.100000000000001" customHeight="1"/>
    <row r="35" ht="20.100000000000001" customHeight="1"/>
    <row r="36" ht="20.100000000000001" customHeight="1"/>
    <row r="37" ht="20.100000000000001" customHeight="1"/>
    <row r="38" ht="20.100000000000001" customHeight="1"/>
    <row r="39" ht="20.100000000000001" customHeight="1"/>
    <row r="40" ht="20.100000000000001" customHeight="1"/>
    <row r="41" ht="20.100000000000001" customHeight="1"/>
    <row r="42" ht="20.100000000000001" customHeight="1"/>
    <row r="43" ht="20.100000000000001" customHeight="1"/>
    <row r="44" ht="20.100000000000001" customHeight="1"/>
    <row r="45" ht="20.100000000000001" customHeight="1"/>
    <row r="46" ht="20.100000000000001" customHeight="1"/>
    <row r="47" ht="20.100000000000001" customHeight="1"/>
    <row r="48" ht="20.100000000000001" customHeight="1"/>
    <row r="49" ht="20.100000000000001" customHeight="1"/>
    <row r="50" ht="20.100000000000001" customHeight="1"/>
    <row r="51" ht="20.100000000000001" customHeight="1"/>
    <row r="52" ht="20.100000000000001" customHeight="1"/>
    <row r="53" ht="20.100000000000001" customHeight="1"/>
    <row r="54" ht="20.100000000000001" customHeight="1"/>
    <row r="55" ht="20.100000000000001" customHeight="1"/>
    <row r="56" ht="20.100000000000001" customHeight="1"/>
    <row r="57" ht="20.100000000000001" customHeight="1"/>
    <row r="58" ht="20.100000000000001" customHeight="1"/>
    <row r="59" ht="20.100000000000001" customHeight="1"/>
    <row r="60" ht="20.100000000000001" customHeight="1"/>
    <row r="61" ht="20.100000000000001" customHeight="1"/>
    <row r="62" ht="20.100000000000001" customHeight="1"/>
    <row r="63" ht="20.100000000000001" customHeight="1"/>
    <row r="64" ht="20.100000000000001" customHeight="1"/>
    <row r="65" ht="20.100000000000001" customHeight="1"/>
    <row r="66" ht="20.100000000000001" customHeight="1"/>
    <row r="67" ht="20.100000000000001" customHeight="1"/>
    <row r="68" ht="20.100000000000001" customHeight="1"/>
    <row r="69" ht="20.100000000000001" customHeight="1"/>
    <row r="70" ht="20.100000000000001" customHeight="1"/>
    <row r="71" ht="20.100000000000001" customHeight="1"/>
    <row r="72" ht="20.100000000000001" customHeight="1"/>
    <row r="73" ht="20.100000000000001" customHeight="1"/>
    <row r="74" ht="20.100000000000001" customHeight="1"/>
    <row r="75" ht="20.100000000000001" customHeight="1"/>
    <row r="76" ht="20.100000000000001" customHeight="1"/>
    <row r="77" ht="20.100000000000001" customHeight="1"/>
    <row r="78" ht="20.100000000000001" customHeight="1"/>
    <row r="79" ht="20.100000000000001" customHeight="1"/>
    <row r="80" ht="20.100000000000001" customHeight="1"/>
    <row r="81" ht="20.100000000000001" customHeight="1"/>
    <row r="82" ht="20.100000000000001" customHeight="1"/>
    <row r="83" ht="20.100000000000001" customHeight="1"/>
    <row r="84" ht="20.100000000000001" customHeight="1"/>
    <row r="85" ht="20.100000000000001" customHeight="1"/>
    <row r="86" ht="20.100000000000001" customHeight="1"/>
    <row r="87" ht="20.100000000000001" customHeight="1"/>
    <row r="88" ht="20.100000000000001" customHeight="1"/>
    <row r="89" ht="20.100000000000001" customHeight="1"/>
    <row r="90" ht="20.100000000000001" customHeight="1"/>
    <row r="91" ht="20.100000000000001" customHeight="1"/>
    <row r="92" ht="20.100000000000001" customHeight="1"/>
    <row r="93" ht="20.100000000000001" customHeight="1"/>
    <row r="94" ht="20.100000000000001" customHeight="1"/>
    <row r="95" ht="20.100000000000001" customHeight="1"/>
    <row r="96" ht="20.100000000000001" customHeight="1"/>
    <row r="97" ht="20.100000000000001" customHeight="1"/>
    <row r="98" ht="20.100000000000001" customHeight="1"/>
    <row r="99" ht="20.100000000000001" customHeight="1"/>
    <row r="100" ht="20.100000000000001" customHeight="1"/>
    <row r="101" ht="20.100000000000001" customHeight="1"/>
    <row r="102" ht="20.100000000000001" customHeight="1"/>
    <row r="103" ht="20.100000000000001" customHeight="1"/>
    <row r="104" ht="20.100000000000001" customHeight="1"/>
    <row r="105" ht="20.100000000000001" customHeight="1"/>
    <row r="106" ht="20.100000000000001" customHeight="1"/>
    <row r="107" ht="20.100000000000001" customHeight="1"/>
    <row r="108" ht="20.100000000000001" customHeight="1"/>
    <row r="109" ht="20.100000000000001" customHeight="1"/>
    <row r="110" ht="20.100000000000001" customHeight="1"/>
    <row r="111" ht="20.100000000000001" customHeight="1"/>
    <row r="112" ht="20.100000000000001" customHeight="1"/>
    <row r="113" ht="20.100000000000001" customHeight="1"/>
    <row r="114" ht="20.100000000000001" customHeight="1"/>
    <row r="115" ht="20.100000000000001" customHeight="1"/>
    <row r="116" ht="20.100000000000001" customHeight="1"/>
    <row r="117" ht="20.100000000000001" customHeight="1"/>
    <row r="118" ht="20.100000000000001" customHeight="1"/>
    <row r="119" ht="20.100000000000001" customHeight="1"/>
    <row r="120" ht="20.100000000000001" customHeight="1"/>
    <row r="121" ht="20.100000000000001" customHeight="1"/>
  </sheetData>
  <mergeCells count="26">
    <mergeCell ref="A22:B22"/>
    <mergeCell ref="M2:O2"/>
    <mergeCell ref="P2:P3"/>
    <mergeCell ref="A4:B4"/>
    <mergeCell ref="A13:B13"/>
    <mergeCell ref="A6:B6"/>
    <mergeCell ref="A7:B7"/>
    <mergeCell ref="L2:L3"/>
    <mergeCell ref="A12:B12"/>
    <mergeCell ref="C2:C3"/>
    <mergeCell ref="D2:G2"/>
    <mergeCell ref="A5:B5"/>
    <mergeCell ref="A2:B3"/>
    <mergeCell ref="A16:B16"/>
    <mergeCell ref="H2:K2"/>
    <mergeCell ref="A21:B21"/>
    <mergeCell ref="A19:B19"/>
    <mergeCell ref="A20:B20"/>
    <mergeCell ref="A18:B18"/>
    <mergeCell ref="A17:B17"/>
    <mergeCell ref="A8:B8"/>
    <mergeCell ref="A9:B9"/>
    <mergeCell ref="A10:B10"/>
    <mergeCell ref="A11:B11"/>
    <mergeCell ref="A15:B15"/>
    <mergeCell ref="A14:B14"/>
  </mergeCells>
  <phoneticPr fontId="2"/>
  <printOptions horizontalCentered="1"/>
  <pageMargins left="0.39370078740157483" right="0.39370078740157483" top="0.98425196850393704" bottom="0.98425196850393704" header="0.51181102362204722" footer="0.51181102362204722"/>
  <pageSetup paperSize="9" scale="8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6-4</vt:lpstr>
      <vt:lpstr>'26-4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4T01:33:15Z</cp:lastPrinted>
  <dcterms:created xsi:type="dcterms:W3CDTF">1997-01-08T22:48:59Z</dcterms:created>
  <dcterms:modified xsi:type="dcterms:W3CDTF">2021-02-04T01:34:56Z</dcterms:modified>
</cp:coreProperties>
</file>